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9-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9-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ttenleu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Graphics, ontwerp, Lettertype&#10;&#10;Automatisch gegenereerde beschrijving">
            <a:extLst>
              <a:ext uri="{FF2B5EF4-FFF2-40B4-BE49-F238E27FC236}">
                <a16:creationId xmlns:a16="http://schemas.microsoft.com/office/drawing/2014/main" id="{E88DF06E-B0C6-A0FB-BEA6-1E661B63012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6271" y="4560411"/>
            <a:ext cx="2105883" cy="205955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Graphics, ontwerp, Lettertype&#10;&#10;Automatisch gegenereerde beschrijving">
            <a:extLst>
              <a:ext uri="{FF2B5EF4-FFF2-40B4-BE49-F238E27FC236}">
                <a16:creationId xmlns:a16="http://schemas.microsoft.com/office/drawing/2014/main" id="{317DF2D2-04A8-F8FC-48B2-706BCD395C6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5408" y="3849283"/>
            <a:ext cx="1495256" cy="146236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7-19T10:17:04Z</dcterms:modified>
</cp:coreProperties>
</file>